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14F1CA35" w:rsidR="009E6CBF" w:rsidRDefault="00D571C9">
      <w:pPr>
        <w:pStyle w:val="Title"/>
        <w:jc w:val="left"/>
        <w:rPr>
          <w:i/>
        </w:rPr>
      </w:pPr>
      <w:bookmarkStart w:id="0" w:name="_GoBack"/>
      <w:bookmarkEnd w:id="0"/>
      <w:r>
        <w:rPr>
          <w:i/>
        </w:rPr>
        <w:t xml:space="preserve">Draft </w:t>
      </w:r>
      <w:r w:rsidR="001E7D33">
        <w:rPr>
          <w:i/>
        </w:rPr>
        <w:t>1</w:t>
      </w:r>
      <w:r w:rsidR="001B4C89">
        <w:rPr>
          <w:i/>
        </w:rPr>
        <w:t>1</w:t>
      </w:r>
      <w:r w:rsidR="005E5785">
        <w:rPr>
          <w:i/>
        </w:rPr>
        <w:t xml:space="preserve"> August 2016</w:t>
      </w:r>
    </w:p>
    <w:p w14:paraId="09957681" w14:textId="257DF48E" w:rsidR="000513EF" w:rsidRDefault="005E5785">
      <w:pPr>
        <w:pStyle w:val="Title"/>
      </w:pPr>
      <w:r>
        <w:t xml:space="preserve">IANA </w:t>
      </w:r>
      <w:r w:rsidR="000C5148">
        <w:t>IPR</w:t>
      </w:r>
      <w:r>
        <w:t xml:space="preserve"> ASSIGNMENT AGREEMENT</w:t>
      </w:r>
    </w:p>
    <w:p w14:paraId="45EFE165" w14:textId="6C1BB11E" w:rsidR="000513EF" w:rsidRDefault="005E5785">
      <w:pPr>
        <w:rPr>
          <w:i/>
        </w:rPr>
      </w:pPr>
      <w:r>
        <w:t xml:space="preserve">This IANA </w:t>
      </w:r>
      <w:r w:rsidR="000C5148">
        <w:t>IPR</w:t>
      </w:r>
      <w:r>
        <w:t xml:space="preserve"> Assignment Agreement (“</w:t>
      </w:r>
      <w:r>
        <w:rPr>
          <w:u w:val="single"/>
        </w:rPr>
        <w:t>Agreement</w:t>
      </w:r>
      <w:r>
        <w:t>”) is entered into as of this __ day of ______, 2016 (“</w:t>
      </w:r>
      <w:r>
        <w:rPr>
          <w:u w:val="single"/>
        </w:rPr>
        <w:t>Effective Date</w:t>
      </w:r>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1  </w:t>
      </w:r>
      <w:r>
        <w:tab/>
        <w:t>DEFINITIONS</w:t>
      </w:r>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including any material portion of any of the foregoing.  Without limiting the generality of the foregoing, the registered trademarks and domain names and other intellectual property rights listed in Exhibit A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77777777" w:rsidR="000513EF" w:rsidRDefault="005E5785">
      <w:r>
        <w:t>1.4</w:t>
      </w:r>
      <w:r>
        <w:tab/>
      </w:r>
      <w:r>
        <w:rPr>
          <w:u w:val="single"/>
        </w:rPr>
        <w:t>Effective Date</w:t>
      </w:r>
      <w:r>
        <w:t>:  Has the meaning set forth in the Preamble.</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  covenan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r>
        <w:t>1.7</w:t>
      </w:r>
      <w:r>
        <w:tab/>
      </w:r>
      <w:r>
        <w:rPr>
          <w:u w:val="single"/>
        </w:rPr>
        <w:t>Third Party</w:t>
      </w:r>
      <w:r>
        <w:t>:  A person or entity that is not an Affiliate of a Party.</w:t>
      </w:r>
    </w:p>
    <w:p w14:paraId="1D244398" w14:textId="6A33336D" w:rsidR="000513EF" w:rsidRDefault="005E5785">
      <w:r>
        <w:t>1.8</w:t>
      </w:r>
      <w:r>
        <w:tab/>
      </w:r>
      <w:r>
        <w:rPr>
          <w:u w:val="single"/>
        </w:rPr>
        <w:t>Third Party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2  </w:t>
      </w:r>
      <w:r>
        <w:tab/>
        <w:t>ASSIGNMENT</w:t>
      </w:r>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ARTICLE 3</w:t>
      </w:r>
      <w:r>
        <w:tab/>
        <w:t>LICENS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w:t>
      </w:r>
      <w:proofErr w:type="spellStart"/>
      <w:r>
        <w:t>iana</w:t>
      </w:r>
      <w:proofErr w:type="spellEnd"/>
      <w:r>
        <w:t>” or “</w:t>
      </w:r>
      <w:proofErr w:type="spellStart"/>
      <w:r>
        <w:t>internetassignednumbersauthority</w:t>
      </w:r>
      <w:proofErr w:type="spellEnd"/>
      <w:r>
        <w:t>.”</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hatsoever,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demands  or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6 </w:t>
      </w:r>
      <w:r>
        <w:tab/>
        <w:t>INDEMNIFICATION</w:t>
      </w:r>
    </w:p>
    <w:p w14:paraId="24BEF05A" w14:textId="6F7BEE20"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a duration of only </w:t>
      </w:r>
      <w:r w:rsidR="00A62425">
        <w:t xml:space="preserve">X </w:t>
      </w:r>
      <w:r w:rsidR="00A102A4">
        <w:t>years</w:t>
      </w:r>
      <w:r w:rsidR="00A62425">
        <w:t xml:space="preserve"> [</w:t>
      </w:r>
      <w:r w:rsidR="00A62425" w:rsidRPr="00EA6D35">
        <w:rPr>
          <w:i/>
        </w:rPr>
        <w:t>TBD</w:t>
      </w:r>
      <w:r w:rsidR="00EA6D35" w:rsidRPr="00EA6D35">
        <w:rPr>
          <w:i/>
        </w:rPr>
        <w:t xml:space="preserve"> prior to signing</w:t>
      </w:r>
      <w:r w:rsidR="00A102A4">
        <w:t>] from the Effective Date.</w:t>
      </w:r>
    </w:p>
    <w:p w14:paraId="4C177E4B" w14:textId="2AD7869F" w:rsidR="000513EF" w:rsidRDefault="005E5785">
      <w:r>
        <w:t>6.2</w:t>
      </w:r>
      <w:r>
        <w:tab/>
      </w:r>
      <w:r>
        <w:rPr>
          <w:u w:val="single"/>
        </w:rPr>
        <w:t>By the IETF Trust</w:t>
      </w:r>
      <w:r>
        <w:t>.  The IETF Trust will indemnify, defend and hold harmless ICANN, its Affiliates, employees, officers and directors(“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7103AD4" w14:textId="77777777" w:rsidR="000513EF" w:rsidRDefault="005E5785">
      <w:r>
        <w:t>[insert address]</w:t>
      </w:r>
    </w:p>
    <w:p w14:paraId="14AD8147" w14:textId="77777777" w:rsidR="000513EF" w:rsidRDefault="000513EF"/>
    <w:p w14:paraId="5F45455A" w14:textId="77777777" w:rsidR="000513EF" w:rsidRDefault="000513EF"/>
    <w:p w14:paraId="7F826F40" w14:textId="77777777" w:rsidR="000513EF" w:rsidRDefault="005E5785">
      <w:r>
        <w:t>IETF TRUST</w:t>
      </w:r>
    </w:p>
    <w:p w14:paraId="49F2D71F" w14:textId="77777777" w:rsidR="000513EF" w:rsidRDefault="005E5785">
      <w:r>
        <w:t>[insert address]</w:t>
      </w:r>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1" w:name="_Toc499337642"/>
      <w:bookmarkStart w:id="2" w:name="_Toc499349096"/>
      <w:bookmarkStart w:id="3" w:name="_Toc499349189"/>
      <w:bookmarkStart w:id="4" w:name="_Toc499542560"/>
      <w:bookmarkStart w:id="5" w:name="_Toc499107656"/>
      <w:bookmarkStart w:id="6" w:name="_Toc499108512"/>
    </w:p>
    <w:p w14:paraId="58100571" w14:textId="2B9FE23F" w:rsidR="000513EF" w:rsidRDefault="005E5785">
      <w:r>
        <w:t>7.3</w:t>
      </w:r>
      <w:r>
        <w:tab/>
      </w:r>
      <w:r>
        <w:rPr>
          <w:u w:val="single"/>
        </w:rPr>
        <w:t>Severability</w:t>
      </w:r>
      <w:r>
        <w:t>.</w:t>
      </w:r>
      <w:bookmarkEnd w:id="1"/>
      <w:bookmarkEnd w:id="2"/>
      <w:bookmarkEnd w:id="3"/>
      <w:bookmarkEnd w:id="4"/>
      <w:r>
        <w:t xml:space="preserve">  </w:t>
      </w:r>
      <w:bookmarkEnd w:id="5"/>
      <w:bookmarkEnd w:id="6"/>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7" w:name="_Toc499337643"/>
      <w:bookmarkStart w:id="8" w:name="_Toc499349097"/>
      <w:bookmarkStart w:id="9" w:name="_Toc499349190"/>
      <w:bookmarkStart w:id="10" w:name="_Toc499542561"/>
      <w:bookmarkStart w:id="11" w:name="_Toc499107657"/>
      <w:bookmarkStart w:id="12" w:name="_Toc499108513"/>
    </w:p>
    <w:p w14:paraId="79ADA666" w14:textId="77777777" w:rsidR="000513EF" w:rsidRDefault="005E5785">
      <w:r>
        <w:t>7.4</w:t>
      </w:r>
      <w:r>
        <w:tab/>
      </w:r>
      <w:r>
        <w:rPr>
          <w:u w:val="single"/>
        </w:rPr>
        <w:t>Headings</w:t>
      </w:r>
      <w:r>
        <w:t>.</w:t>
      </w:r>
      <w:bookmarkEnd w:id="7"/>
      <w:bookmarkEnd w:id="8"/>
      <w:bookmarkEnd w:id="9"/>
      <w:bookmarkEnd w:id="10"/>
      <w:r>
        <w:t xml:space="preserve">  The subject headings of the Articles and Sections of this Agreement are included for purposes of convenience only, and shall not affect the construction or interpretation of any of its provisions.</w:t>
      </w:r>
      <w:bookmarkEnd w:id="11"/>
      <w:bookmarkEnd w:id="12"/>
      <w:r>
        <w:t xml:space="preserve"> </w:t>
      </w:r>
      <w:bookmarkStart w:id="13" w:name="_Toc499337644"/>
      <w:bookmarkStart w:id="14" w:name="_Toc499349098"/>
      <w:bookmarkStart w:id="15" w:name="_Toc499349191"/>
      <w:bookmarkStart w:id="16" w:name="_Toc499542562"/>
      <w:bookmarkStart w:id="17" w:name="_Toc499107658"/>
      <w:bookmarkStart w:id="18" w:name="_Toc499108514"/>
    </w:p>
    <w:p w14:paraId="15D59BE8" w14:textId="77777777" w:rsidR="000513EF" w:rsidRDefault="005E5785">
      <w:r>
        <w:t>7.5</w:t>
      </w:r>
      <w:r>
        <w:tab/>
      </w:r>
      <w:r>
        <w:rPr>
          <w:u w:val="single"/>
        </w:rPr>
        <w:t>Entire Agreement; Amendment</w:t>
      </w:r>
      <w:r>
        <w:t>.</w:t>
      </w:r>
      <w:bookmarkEnd w:id="13"/>
      <w:bookmarkEnd w:id="14"/>
      <w:bookmarkEnd w:id="15"/>
      <w:bookmarkEnd w:id="16"/>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9" w:name="_Toc499542563"/>
      <w:bookmarkEnd w:id="17"/>
      <w:bookmarkEnd w:id="18"/>
    </w:p>
    <w:p w14:paraId="3ECAC8B5" w14:textId="77777777" w:rsidR="000513EF" w:rsidRDefault="005E5785">
      <w:r>
        <w:lastRenderedPageBreak/>
        <w:t>7.6</w:t>
      </w:r>
      <w:r>
        <w:tab/>
      </w:r>
      <w:r>
        <w:rPr>
          <w:u w:val="single"/>
        </w:rPr>
        <w:t>Assignment of Agreement.</w:t>
      </w:r>
      <w:bookmarkEnd w:id="19"/>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20" w:name="_Toc499107659"/>
      <w:bookmarkStart w:id="21" w:name="_Toc499108515"/>
      <w:bookmarkStart w:id="22" w:name="_Toc499337645"/>
      <w:bookmarkStart w:id="23" w:name="_Toc499349099"/>
      <w:bookmarkStart w:id="24" w:name="_Toc499349192"/>
      <w:bookmarkStart w:id="25" w:name="_Toc499542564"/>
    </w:p>
    <w:p w14:paraId="04828ECA" w14:textId="6CA30173" w:rsidR="000513EF" w:rsidRDefault="005E5785">
      <w:bookmarkStart w:id="26" w:name="_Toc499337646"/>
      <w:bookmarkStart w:id="27" w:name="_Toc499349100"/>
      <w:bookmarkStart w:id="28" w:name="_Toc499349193"/>
      <w:bookmarkStart w:id="29" w:name="_Toc499542565"/>
      <w:bookmarkStart w:id="30" w:name="_Toc499108516"/>
      <w:bookmarkStart w:id="31" w:name="_Toc499107660"/>
      <w:bookmarkEnd w:id="20"/>
      <w:bookmarkEnd w:id="21"/>
      <w:bookmarkEnd w:id="22"/>
      <w:bookmarkEnd w:id="23"/>
      <w:bookmarkEnd w:id="24"/>
      <w:bookmarkEnd w:id="25"/>
      <w:r>
        <w:t>7.7</w:t>
      </w:r>
      <w:r>
        <w:tab/>
      </w:r>
      <w:r>
        <w:rPr>
          <w:u w:val="single"/>
        </w:rPr>
        <w:t>Non-Waiver</w:t>
      </w:r>
      <w:r>
        <w:t>.</w:t>
      </w:r>
      <w:bookmarkEnd w:id="26"/>
      <w:bookmarkEnd w:id="27"/>
      <w:bookmarkEnd w:id="28"/>
      <w:bookmarkEnd w:id="29"/>
      <w:r>
        <w:t xml:space="preserve">  The failure of a party in any one or more instances to insist upon strict performance of any of the terms and conditions of this Agreement shall not constitute a</w:t>
      </w:r>
      <w:bookmarkEnd w:id="30"/>
      <w:r>
        <w:t xml:space="preserve"> </w:t>
      </w:r>
      <w:bookmarkStart w:id="32" w:name="_Toc499108517"/>
      <w:r>
        <w:t>waiver or relinquishment, to any extent, of the right to assert or rely upon any such terms or conditions on any future occasion.</w:t>
      </w:r>
      <w:bookmarkStart w:id="33" w:name="_Toc499337647"/>
      <w:bookmarkStart w:id="34" w:name="_Toc499349101"/>
      <w:bookmarkStart w:id="35" w:name="_Toc499349194"/>
      <w:bookmarkStart w:id="36" w:name="_Toc499542567"/>
      <w:bookmarkStart w:id="37" w:name="_Toc499107661"/>
      <w:bookmarkStart w:id="38" w:name="_Toc499108518"/>
      <w:bookmarkEnd w:id="31"/>
      <w:bookmarkEnd w:id="32"/>
    </w:p>
    <w:p w14:paraId="1FAC965B" w14:textId="447B9529" w:rsidR="000513EF" w:rsidRDefault="005E5785">
      <w:r>
        <w:t>7.8</w:t>
      </w:r>
      <w:r>
        <w:tab/>
      </w:r>
      <w:r>
        <w:rPr>
          <w:u w:val="single"/>
        </w:rPr>
        <w:t>Independent Contractors</w:t>
      </w:r>
      <w:r>
        <w:t>.</w:t>
      </w:r>
      <w:bookmarkEnd w:id="33"/>
      <w:bookmarkEnd w:id="34"/>
      <w:bookmarkEnd w:id="35"/>
      <w:bookmarkEnd w:id="36"/>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37"/>
      <w:bookmarkEnd w:id="38"/>
      <w:r>
        <w:t xml:space="preserve"> </w:t>
      </w:r>
    </w:p>
    <w:p w14:paraId="3B10D2A9" w14:textId="54160D73" w:rsidR="000513EF" w:rsidRDefault="005E5785">
      <w:bookmarkStart w:id="39" w:name="_Toc499337649"/>
      <w:bookmarkStart w:id="40" w:name="_Toc499349103"/>
      <w:bookmarkStart w:id="41" w:name="_Toc499349196"/>
      <w:bookmarkStart w:id="42" w:name="_Toc499542568"/>
      <w:bookmarkStart w:id="43" w:name="_Toc499107663"/>
      <w:bookmarkStart w:id="44" w:name="_Toc499108520"/>
      <w:r>
        <w:t>7.9</w:t>
      </w:r>
      <w:r>
        <w:tab/>
      </w:r>
      <w:r>
        <w:rPr>
          <w:u w:val="single"/>
        </w:rPr>
        <w:t>Counterparts</w:t>
      </w:r>
      <w:r>
        <w:t>.</w:t>
      </w:r>
      <w:bookmarkEnd w:id="39"/>
      <w:bookmarkEnd w:id="40"/>
      <w:bookmarkEnd w:id="41"/>
      <w:bookmarkEnd w:id="42"/>
      <w:r>
        <w:t xml:space="preserve">  This Agreement may be executed in two or more counterparts, each of which shall be an original and all of which shall constitute together the same document.</w:t>
      </w:r>
      <w:bookmarkEnd w:id="43"/>
      <w:bookmarkEnd w:id="44"/>
    </w:p>
    <w:p w14:paraId="0F6E80AE" w14:textId="169E48E0" w:rsidR="000513EF" w:rsidRDefault="005E5785">
      <w:r>
        <w:t>7.10</w:t>
      </w:r>
      <w:r>
        <w:tab/>
      </w:r>
      <w:r>
        <w:rPr>
          <w:u w:val="single"/>
        </w:rPr>
        <w:t>Duration</w:t>
      </w:r>
      <w:r>
        <w:t xml:space="preserve">.  The provisions of Articles  4, 5, 6 and 7 of this Agreement shall survive until the expiration of the last-to-expire of the registered trademarks and domain names included in the Assigned Intellectual Property. </w:t>
      </w:r>
    </w:p>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2524F3FE" w14:textId="20058734" w:rsidR="000513EF" w:rsidRDefault="008C2B8A" w:rsidP="008C2B8A">
            <w:r>
              <w:rPr>
                <w:rFonts w:ascii="Consolas" w:hAnsi="Consolas" w:cs="Consolas"/>
                <w:sz w:val="28"/>
                <w:szCs w:val="28"/>
              </w:rPr>
              <w:t>internetassignednumbersauthority.org</w:t>
            </w:r>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D12185" w:rsidRDefault="00D12185">
      <w:r>
        <w:separator/>
      </w:r>
    </w:p>
  </w:endnote>
  <w:endnote w:type="continuationSeparator" w:id="0">
    <w:p w14:paraId="5ACCB2D3" w14:textId="77777777" w:rsidR="00D12185" w:rsidRDefault="00D12185">
      <w:r>
        <w:continuationSeparator/>
      </w:r>
    </w:p>
  </w:endnote>
  <w:endnote w:type="continuationNotice" w:id="1">
    <w:p w14:paraId="4C27CE39" w14:textId="77777777" w:rsidR="00D12185" w:rsidRDefault="00D1218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3" w:usb1="288F0000" w:usb2="00000016" w:usb3="00000000" w:csb0="0004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BE053E" w:rsidRDefault="00BE053E">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1F2BD3">
      <w:rPr>
        <w:rStyle w:val="PageNumber"/>
        <w:noProof/>
        <w:sz w:val="22"/>
      </w:rPr>
      <w:t>2</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BE053E" w:rsidRDefault="00BE053E">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BE053E" w:rsidRDefault="00BE053E">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1F2BD3">
      <w:rPr>
        <w:rStyle w:val="PageNumber"/>
        <w:noProof/>
        <w:sz w:val="22"/>
      </w:rPr>
      <w:t>1</w:t>
    </w:r>
    <w:r>
      <w:rPr>
        <w:rStyle w:val="PageNumber"/>
        <w:sz w:val="22"/>
      </w:rPr>
      <w:fldChar w:fldCharType="end"/>
    </w:r>
  </w:p>
  <w:p w14:paraId="13D22678" w14:textId="77777777" w:rsidR="00BE053E" w:rsidRDefault="00BE053E">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D12185" w:rsidRDefault="00D12185">
      <w:r>
        <w:separator/>
      </w:r>
    </w:p>
  </w:footnote>
  <w:footnote w:type="continuationSeparator" w:id="0">
    <w:p w14:paraId="3E7103D7" w14:textId="77777777" w:rsidR="00D12185" w:rsidRDefault="00D12185">
      <w:r>
        <w:continuationSeparator/>
      </w:r>
    </w:p>
  </w:footnote>
  <w:footnote w:type="continuationNotice" w:id="1">
    <w:p w14:paraId="5A90658C" w14:textId="77777777" w:rsidR="00D12185" w:rsidRDefault="00D12185">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BE053E" w:rsidRDefault="00BE053E">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PersonalInformation/>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A49EE"/>
    <w:rsid w:val="001B4C89"/>
    <w:rsid w:val="001D120B"/>
    <w:rsid w:val="001E7D33"/>
    <w:rsid w:val="001F2BD3"/>
    <w:rsid w:val="001F4868"/>
    <w:rsid w:val="002570CA"/>
    <w:rsid w:val="00264004"/>
    <w:rsid w:val="00264754"/>
    <w:rsid w:val="002802A2"/>
    <w:rsid w:val="002C4A66"/>
    <w:rsid w:val="0030074E"/>
    <w:rsid w:val="00312909"/>
    <w:rsid w:val="00343FAD"/>
    <w:rsid w:val="00352EB3"/>
    <w:rsid w:val="0036387F"/>
    <w:rsid w:val="0037370A"/>
    <w:rsid w:val="003A4B89"/>
    <w:rsid w:val="003B03D8"/>
    <w:rsid w:val="003B2DC3"/>
    <w:rsid w:val="003B7F52"/>
    <w:rsid w:val="003E7776"/>
    <w:rsid w:val="003F5EB4"/>
    <w:rsid w:val="003F7BC7"/>
    <w:rsid w:val="00404583"/>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0A01FB3-8B34-0042-A405-6BD8F354331B}">
  <ds:schemaRefs>
    <ds:schemaRef ds:uri="http://schemas.openxmlformats.org/officeDocument/2006/bibliography"/>
  </ds:schemaRefs>
</ds:datastoreItem>
</file>

<file path=customXml/itemProps2.xml><?xml version="1.0" encoding="utf-8"?>
<ds:datastoreItem xmlns:ds="http://schemas.openxmlformats.org/officeDocument/2006/customXml" ds:itemID="{1A7F560E-2CAD-C842-8AC1-E52039B215D7}">
  <ds:schemaRefs>
    <ds:schemaRef ds:uri="http://schemas.openxmlformats.org/officeDocument/2006/bibliography"/>
  </ds:schemaRefs>
</ds:datastoreItem>
</file>

<file path=customXml/itemProps3.xml><?xml version="1.0" encoding="utf-8"?>
<ds:datastoreItem xmlns:ds="http://schemas.openxmlformats.org/officeDocument/2006/customXml" ds:itemID="{8E2C1F58-E944-9546-8B58-D508E0EDF042}">
  <ds:schemaRefs>
    <ds:schemaRef ds:uri="http://schemas.openxmlformats.org/officeDocument/2006/bibliography"/>
  </ds:schemaRefs>
</ds:datastoreItem>
</file>

<file path=customXml/itemProps4.xml><?xml version="1.0" encoding="utf-8"?>
<ds:datastoreItem xmlns:ds="http://schemas.openxmlformats.org/officeDocument/2006/customXml" ds:itemID="{9C0AB9DD-1D71-F845-9E13-64AA94B3EB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814</Words>
  <Characters>16040</Characters>
  <Application>Microsoft Macintosh Word</Application>
  <DocSecurity>0</DocSecurity>
  <Lines>133</Lines>
  <Paragraphs>37</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8817</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8-11T18:28:00Z</dcterms:created>
  <dcterms:modified xsi:type="dcterms:W3CDTF">2016-08-11T18:28: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